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165. Aortálne kanyly nepoťahované\05. PT Josephine\01. druhá znížená PHZ  Výzva na predlozenie ponuky + Prílohy\"/>
    </mc:Choice>
  </mc:AlternateContent>
  <bookViews>
    <workbookView xWindow="0" yWindow="0" windowWidth="18105" windowHeight="11475" tabRatio="727" activeTab="2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24</definedName>
    <definedName name="_xlnm.Print_Area" localSheetId="2">'Príloha č. 3'!$A$1:$N$18</definedName>
    <definedName name="_xlnm.Print_Area" localSheetId="3">'Príloha č. 4'!$A$1:$L$26</definedName>
    <definedName name="_xlnm.Print_Area" localSheetId="4">'Príloha č. 5'!$A$1:$D$20</definedName>
    <definedName name="_xlnm.Print_Area" localSheetId="5">'Príloha č. 6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9" i="15" l="1"/>
  <c r="C8" i="15"/>
  <c r="C7" i="15"/>
  <c r="N9" i="11" l="1"/>
  <c r="D19" i="15" l="1"/>
  <c r="D19" i="12"/>
  <c r="I22" i="14"/>
  <c r="M17" i="11"/>
  <c r="F23" i="6"/>
  <c r="B15" i="15"/>
  <c r="B14" i="15"/>
  <c r="C6" i="15"/>
  <c r="C6" i="12"/>
  <c r="B22" i="6"/>
  <c r="B21" i="6"/>
  <c r="B15" i="11"/>
  <c r="A2" i="15" l="1"/>
  <c r="A2" i="14"/>
  <c r="B20" i="14" l="1"/>
  <c r="B19" i="14"/>
  <c r="E12" i="6" l="1"/>
  <c r="E11" i="6"/>
  <c r="B15" i="12" l="1"/>
  <c r="C9" i="12"/>
  <c r="C8" i="12"/>
  <c r="C7" i="12"/>
  <c r="C10" i="11"/>
  <c r="C11" i="11"/>
  <c r="E13" i="6"/>
  <c r="A2" i="12"/>
  <c r="C13" i="11" l="1"/>
  <c r="C12" i="11"/>
  <c r="E14" i="6" l="1"/>
  <c r="E16" i="6"/>
  <c r="E17" i="6"/>
  <c r="E18" i="6"/>
  <c r="E19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164" uniqueCount="7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s</t>
  </si>
  <si>
    <t xml:space="preserve">Uchádzač je povinný produkt s najvyššou zmluvnou jednotkovou cenou bez DPH uvedený u príslušnej položky viditeľne označíť (žltým podfarbením celého riadku).
</t>
  </si>
  <si>
    <t>Aortálne kanyly nepoťahované</t>
  </si>
  <si>
    <t>Položka č. 1 - Aortálne kanyly nepoťahované:</t>
  </si>
  <si>
    <t>zakončenie kanyly musí byť 3/8 spojkou luer lock</t>
  </si>
  <si>
    <t>Položka č. 1 - Aortálne kanyly nepoťahované</t>
  </si>
  <si>
    <t>Predpokladané množstvo na zmluvné obdob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left" vertical="center" wrapText="1"/>
      <protection locked="0"/>
    </xf>
    <xf numFmtId="49" fontId="13" fillId="0" borderId="72" xfId="0" applyNumberFormat="1" applyFont="1" applyBorder="1" applyAlignment="1" applyProtection="1">
      <alignment horizontal="left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4" xfId="0" applyFont="1" applyBorder="1" applyAlignment="1" applyProtection="1">
      <alignment horizontal="center" vertical="center" wrapText="1"/>
      <protection locked="0"/>
    </xf>
    <xf numFmtId="0" fontId="13" fillId="0" borderId="55" xfId="0" applyFont="1" applyBorder="1" applyAlignment="1" applyProtection="1">
      <alignment horizontal="center" vertical="center" wrapText="1"/>
      <protection locked="0"/>
    </xf>
    <xf numFmtId="0" fontId="13" fillId="2" borderId="38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0" fontId="13" fillId="2" borderId="58" xfId="0" applyFont="1" applyFill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5" xfId="0" applyNumberFormat="1" applyFont="1" applyFill="1" applyBorder="1" applyAlignment="1">
      <alignment horizontal="center" vertical="top" wrapText="1"/>
    </xf>
    <xf numFmtId="49" fontId="16" fillId="4" borderId="85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6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165" fontId="1" fillId="0" borderId="5" xfId="0" applyNumberFormat="1" applyFont="1" applyBorder="1" applyAlignment="1" applyProtection="1">
      <alignment horizontal="right" vertical="center" wrapText="1"/>
      <protection locked="0"/>
    </xf>
    <xf numFmtId="165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5" fontId="13" fillId="0" borderId="67" xfId="0" applyNumberFormat="1" applyFont="1" applyBorder="1" applyAlignment="1" applyProtection="1">
      <alignment horizontal="right" vertical="center" wrapText="1"/>
      <protection locked="0"/>
    </xf>
    <xf numFmtId="165" fontId="13" fillId="0" borderId="75" xfId="0" applyNumberFormat="1" applyFont="1" applyBorder="1" applyAlignment="1" applyProtection="1">
      <alignment horizontal="right" vertical="center" wrapText="1"/>
      <protection locked="0"/>
    </xf>
    <xf numFmtId="165" fontId="13" fillId="0" borderId="64" xfId="0" applyNumberFormat="1" applyFont="1" applyBorder="1" applyAlignment="1" applyProtection="1">
      <alignment horizontal="right" vertical="center" wrapText="1"/>
      <protection locked="0"/>
    </xf>
    <xf numFmtId="165" fontId="13" fillId="0" borderId="69" xfId="0" applyNumberFormat="1" applyFont="1" applyBorder="1" applyAlignment="1" applyProtection="1">
      <alignment horizontal="right" vertical="center" wrapText="1"/>
      <protection locked="0"/>
    </xf>
    <xf numFmtId="165" fontId="13" fillId="0" borderId="78" xfId="0" applyNumberFormat="1" applyFont="1" applyBorder="1" applyAlignment="1" applyProtection="1">
      <alignment horizontal="right" vertical="center" wrapText="1"/>
      <protection locked="0"/>
    </xf>
    <xf numFmtId="9" fontId="13" fillId="0" borderId="63" xfId="0" applyNumberFormat="1" applyFont="1" applyBorder="1" applyAlignment="1" applyProtection="1">
      <alignment horizontal="center" vertical="center" wrapText="1"/>
      <protection locked="0"/>
    </xf>
    <xf numFmtId="9" fontId="13" fillId="0" borderId="68" xfId="0" applyNumberFormat="1" applyFont="1" applyBorder="1" applyAlignment="1" applyProtection="1">
      <alignment horizontal="center" vertical="center" wrapText="1"/>
      <protection locked="0"/>
    </xf>
    <xf numFmtId="9" fontId="13" fillId="0" borderId="77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6" fillId="0" borderId="28" xfId="0" applyNumberFormat="1" applyFont="1" applyBorder="1" applyAlignment="1">
      <alignment horizontal="center" vertical="center"/>
    </xf>
    <xf numFmtId="165" fontId="13" fillId="0" borderId="62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vertical="center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0" fontId="13" fillId="2" borderId="87" xfId="0" applyFont="1" applyFill="1" applyBorder="1" applyAlignment="1" applyProtection="1">
      <alignment horizontal="center" vertical="center" wrapText="1"/>
      <protection locked="0"/>
    </xf>
    <xf numFmtId="49" fontId="13" fillId="0" borderId="88" xfId="0" applyNumberFormat="1" applyFont="1" applyBorder="1" applyAlignment="1" applyProtection="1">
      <alignment horizontal="center" vertical="center" wrapText="1"/>
      <protection locked="0"/>
    </xf>
    <xf numFmtId="49" fontId="13" fillId="0" borderId="8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2" fillId="0" borderId="24" xfId="0" applyNumberFormat="1" applyFont="1" applyBorder="1" applyAlignment="1">
      <alignment horizontal="center" vertical="top"/>
    </xf>
    <xf numFmtId="0" fontId="1" fillId="0" borderId="0" xfId="0" applyFont="1" applyAlignment="1">
      <alignment horizontal="center" wrapText="1"/>
    </xf>
    <xf numFmtId="0" fontId="6" fillId="0" borderId="32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49" fontId="16" fillId="4" borderId="80" xfId="0" applyNumberFormat="1" applyFont="1" applyFill="1" applyBorder="1" applyAlignment="1">
      <alignment horizontal="left" vertical="top" wrapText="1"/>
    </xf>
    <xf numFmtId="49" fontId="16" fillId="4" borderId="40" xfId="0" applyNumberFormat="1" applyFont="1" applyFill="1" applyBorder="1" applyAlignment="1">
      <alignment horizontal="left" vertical="top" wrapText="1"/>
    </xf>
    <xf numFmtId="49" fontId="16" fillId="4" borderId="81" xfId="0" applyNumberFormat="1" applyFont="1" applyFill="1" applyBorder="1" applyAlignment="1">
      <alignment horizontal="left" vertical="top" wrapText="1"/>
    </xf>
    <xf numFmtId="49" fontId="16" fillId="4" borderId="84" xfId="0" applyNumberFormat="1" applyFont="1" applyFill="1" applyBorder="1" applyAlignment="1">
      <alignment horizontal="left" vertical="top" wrapText="1"/>
    </xf>
    <xf numFmtId="0" fontId="16" fillId="4" borderId="82" xfId="0" applyFont="1" applyFill="1" applyBorder="1" applyAlignment="1">
      <alignment horizontal="center" vertical="top" wrapText="1"/>
    </xf>
    <xf numFmtId="0" fontId="16" fillId="4" borderId="83" xfId="0" applyFont="1" applyFill="1" applyBorder="1" applyAlignment="1">
      <alignment horizontal="center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4" xfId="0" applyNumberFormat="1" applyFont="1" applyFill="1" applyBorder="1" applyAlignment="1">
      <alignment horizontal="left" vertical="center"/>
    </xf>
    <xf numFmtId="49" fontId="6" fillId="0" borderId="62" xfId="0" applyNumberFormat="1" applyFont="1" applyBorder="1" applyAlignment="1">
      <alignment horizontal="left" vertical="center"/>
    </xf>
    <xf numFmtId="49" fontId="6" fillId="0" borderId="63" xfId="0" applyNumberFormat="1" applyFont="1" applyBorder="1" applyAlignment="1">
      <alignment horizontal="left" vertical="center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6" fillId="0" borderId="90" xfId="0" applyFont="1" applyBorder="1" applyAlignment="1" applyProtection="1">
      <alignment horizontal="center" vertical="top" wrapText="1"/>
      <protection locked="0"/>
    </xf>
    <xf numFmtId="0" fontId="16" fillId="0" borderId="91" xfId="0" applyFont="1" applyBorder="1" applyAlignment="1" applyProtection="1">
      <alignment horizontal="center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3" fontId="16" fillId="0" borderId="48" xfId="0" applyNumberFormat="1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52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5" fillId="0" borderId="45" xfId="0" applyFont="1" applyBorder="1" applyAlignment="1" applyProtection="1">
      <alignment horizontal="center" vertical="top" wrapText="1"/>
      <protection locked="0"/>
    </xf>
    <xf numFmtId="0" fontId="15" fillId="0" borderId="53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47" t="s">
        <v>11</v>
      </c>
      <c r="B1" s="147"/>
    </row>
    <row r="2" spans="1:10" x14ac:dyDescent="0.25">
      <c r="A2" s="150" t="s">
        <v>72</v>
      </c>
      <c r="B2" s="150"/>
      <c r="C2" s="150"/>
      <c r="D2" s="150"/>
    </row>
    <row r="3" spans="1:10" ht="24.95" customHeight="1" x14ac:dyDescent="0.25">
      <c r="A3" s="151"/>
      <c r="B3" s="151"/>
      <c r="C3" s="151"/>
    </row>
    <row r="4" spans="1:10" ht="36" customHeight="1" x14ac:dyDescent="0.3">
      <c r="A4" s="156" t="s">
        <v>34</v>
      </c>
      <c r="B4" s="157"/>
      <c r="C4" s="157"/>
      <c r="D4" s="157"/>
      <c r="E4" s="2"/>
      <c r="F4" s="2"/>
      <c r="G4" s="2"/>
      <c r="H4" s="2"/>
      <c r="I4" s="2"/>
      <c r="J4" s="2"/>
    </row>
    <row r="6" spans="1:10" x14ac:dyDescent="0.25">
      <c r="A6" s="148" t="s">
        <v>0</v>
      </c>
      <c r="B6" s="148"/>
      <c r="C6" s="158"/>
      <c r="D6" s="158"/>
      <c r="F6" s="16"/>
    </row>
    <row r="7" spans="1:10" x14ac:dyDescent="0.25">
      <c r="A7" s="148" t="s">
        <v>1</v>
      </c>
      <c r="B7" s="148"/>
      <c r="C7" s="154"/>
      <c r="D7" s="154"/>
    </row>
    <row r="8" spans="1:10" x14ac:dyDescent="0.25">
      <c r="A8" s="148" t="s">
        <v>2</v>
      </c>
      <c r="B8" s="148"/>
      <c r="C8" s="154"/>
      <c r="D8" s="154"/>
    </row>
    <row r="9" spans="1:10" x14ac:dyDescent="0.25">
      <c r="A9" s="148" t="s">
        <v>3</v>
      </c>
      <c r="B9" s="148"/>
      <c r="C9" s="154"/>
      <c r="D9" s="154"/>
    </row>
    <row r="10" spans="1:10" x14ac:dyDescent="0.25">
      <c r="A10" s="3"/>
      <c r="B10" s="3"/>
      <c r="C10" s="3"/>
    </row>
    <row r="11" spans="1:10" x14ac:dyDescent="0.25">
      <c r="A11" s="149" t="s">
        <v>46</v>
      </c>
      <c r="B11" s="149"/>
      <c r="C11" s="149"/>
      <c r="D11" s="5"/>
      <c r="E11" s="5"/>
      <c r="F11" s="5"/>
      <c r="G11" s="5"/>
      <c r="H11" s="5"/>
      <c r="I11" s="5"/>
      <c r="J11" s="5"/>
    </row>
    <row r="12" spans="1:10" x14ac:dyDescent="0.25">
      <c r="A12" s="148" t="s">
        <v>4</v>
      </c>
      <c r="B12" s="148"/>
      <c r="C12" s="152"/>
      <c r="D12" s="152"/>
    </row>
    <row r="13" spans="1:10" x14ac:dyDescent="0.25">
      <c r="A13" s="148" t="s">
        <v>18</v>
      </c>
      <c r="B13" s="148"/>
      <c r="C13" s="161"/>
      <c r="D13" s="161"/>
    </row>
    <row r="14" spans="1:10" x14ac:dyDescent="0.25">
      <c r="A14" s="148" t="s">
        <v>5</v>
      </c>
      <c r="B14" s="148"/>
      <c r="C14" s="161"/>
      <c r="D14" s="161"/>
    </row>
    <row r="15" spans="1:10" x14ac:dyDescent="0.25">
      <c r="A15" s="148" t="s">
        <v>6</v>
      </c>
      <c r="B15" s="148"/>
      <c r="C15" s="160"/>
      <c r="D15" s="161"/>
    </row>
    <row r="17" spans="1:10" ht="14.25" customHeight="1" x14ac:dyDescent="0.25">
      <c r="A17" s="149" t="s">
        <v>47</v>
      </c>
      <c r="B17" s="149"/>
      <c r="C17" s="149"/>
      <c r="D17" s="5"/>
      <c r="E17" s="5"/>
      <c r="F17" s="5"/>
      <c r="G17" s="5"/>
      <c r="H17" s="5"/>
      <c r="I17" s="5"/>
      <c r="J17" s="5"/>
    </row>
    <row r="18" spans="1:10" x14ac:dyDescent="0.25">
      <c r="A18" s="148" t="s">
        <v>4</v>
      </c>
      <c r="B18" s="148"/>
      <c r="C18" s="152"/>
      <c r="D18" s="152"/>
    </row>
    <row r="19" spans="1:10" x14ac:dyDescent="0.25">
      <c r="A19" s="148" t="s">
        <v>18</v>
      </c>
      <c r="B19" s="148"/>
      <c r="C19" s="161"/>
      <c r="D19" s="161"/>
    </row>
    <row r="20" spans="1:10" x14ac:dyDescent="0.25">
      <c r="A20" s="148" t="s">
        <v>5</v>
      </c>
      <c r="B20" s="148"/>
      <c r="C20" s="161"/>
      <c r="D20" s="161"/>
    </row>
    <row r="21" spans="1:10" x14ac:dyDescent="0.25">
      <c r="A21" s="148" t="s">
        <v>6</v>
      </c>
      <c r="B21" s="148"/>
      <c r="C21" s="160"/>
      <c r="D21" s="161"/>
    </row>
    <row r="22" spans="1:10" x14ac:dyDescent="0.25">
      <c r="A22" s="3"/>
      <c r="B22" s="3"/>
      <c r="C22" s="3"/>
    </row>
    <row r="23" spans="1:10" ht="24.95" customHeight="1" x14ac:dyDescent="0.25">
      <c r="A23" s="151"/>
      <c r="B23" s="151"/>
      <c r="C23" s="151"/>
    </row>
    <row r="24" spans="1:10" x14ac:dyDescent="0.25">
      <c r="A24" s="1" t="s">
        <v>7</v>
      </c>
      <c r="B24" s="154"/>
      <c r="C24" s="154"/>
    </row>
    <row r="25" spans="1:10" x14ac:dyDescent="0.25">
      <c r="A25" s="4" t="s">
        <v>9</v>
      </c>
      <c r="B25" s="155"/>
      <c r="C25" s="155"/>
    </row>
    <row r="28" spans="1:10" x14ac:dyDescent="0.25">
      <c r="C28" s="115" t="s">
        <v>64</v>
      </c>
      <c r="D28" s="3"/>
    </row>
    <row r="29" spans="1:10" x14ac:dyDescent="0.25">
      <c r="C29" s="115" t="s">
        <v>65</v>
      </c>
      <c r="D29" s="119"/>
    </row>
    <row r="30" spans="1:10" ht="28.5" customHeight="1" x14ac:dyDescent="0.25">
      <c r="D30" s="118"/>
    </row>
    <row r="32" spans="1:10" s="9" customFormat="1" ht="11.25" x14ac:dyDescent="0.2">
      <c r="A32" s="159" t="s">
        <v>10</v>
      </c>
      <c r="B32" s="159"/>
    </row>
    <row r="33" spans="1:5" s="10" customFormat="1" ht="15" customHeight="1" x14ac:dyDescent="0.2">
      <c r="A33" s="13"/>
      <c r="B33" s="153" t="s">
        <v>12</v>
      </c>
      <c r="C33" s="153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7"/>
  <sheetViews>
    <sheetView showGridLines="0" zoomScaleNormal="100" workbookViewId="0">
      <selection activeCell="B9" sqref="B9:E9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48" t="s">
        <v>11</v>
      </c>
      <c r="B1" s="148"/>
      <c r="C1" s="148"/>
      <c r="D1" s="148"/>
      <c r="E1" s="48"/>
    </row>
    <row r="2" spans="1:13" ht="14.25" customHeight="1" x14ac:dyDescent="0.25">
      <c r="A2" s="172" t="str">
        <f>'Príloha č. 1'!A2:C2</f>
        <v>Aortálne kanyly nepoťahované</v>
      </c>
      <c r="B2" s="172"/>
      <c r="C2" s="172"/>
      <c r="D2" s="172"/>
      <c r="E2" s="172"/>
      <c r="F2" s="172"/>
      <c r="G2" s="172"/>
    </row>
    <row r="3" spans="1:13" ht="4.5" hidden="1" customHeight="1" x14ac:dyDescent="0.25">
      <c r="A3" s="170"/>
      <c r="B3" s="170"/>
      <c r="C3" s="170"/>
      <c r="D3" s="170"/>
      <c r="E3" s="170"/>
      <c r="F3" s="170"/>
    </row>
    <row r="4" spans="1:13" ht="17.25" customHeight="1" x14ac:dyDescent="0.3">
      <c r="A4" s="156" t="s">
        <v>19</v>
      </c>
      <c r="B4" s="156"/>
      <c r="C4" s="156"/>
      <c r="D4" s="156"/>
      <c r="E4" s="156"/>
      <c r="F4" s="156"/>
      <c r="G4" s="15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73" t="s">
        <v>66</v>
      </c>
      <c r="B6" s="174"/>
      <c r="C6" s="174"/>
      <c r="D6" s="174"/>
      <c r="E6" s="174"/>
      <c r="F6" s="177" t="s">
        <v>69</v>
      </c>
      <c r="G6" s="178"/>
    </row>
    <row r="7" spans="1:13" s="7" customFormat="1" ht="53.25" customHeight="1" thickBot="1" x14ac:dyDescent="0.3">
      <c r="A7" s="175"/>
      <c r="B7" s="176"/>
      <c r="C7" s="176"/>
      <c r="D7" s="176"/>
      <c r="E7" s="176"/>
      <c r="F7" s="116" t="s">
        <v>67</v>
      </c>
      <c r="G7" s="117" t="s">
        <v>68</v>
      </c>
    </row>
    <row r="8" spans="1:13" s="6" customFormat="1" ht="27.75" customHeight="1" x14ac:dyDescent="0.25">
      <c r="A8" s="179" t="s">
        <v>73</v>
      </c>
      <c r="B8" s="180"/>
      <c r="C8" s="180"/>
      <c r="D8" s="180"/>
      <c r="E8" s="180"/>
      <c r="F8" s="180"/>
      <c r="G8" s="181"/>
    </row>
    <row r="9" spans="1:13" s="6" customFormat="1" ht="22.5" customHeight="1" x14ac:dyDescent="0.25">
      <c r="A9" s="140" t="s">
        <v>13</v>
      </c>
      <c r="B9" s="182" t="s">
        <v>74</v>
      </c>
      <c r="C9" s="183"/>
      <c r="D9" s="183"/>
      <c r="E9" s="183"/>
      <c r="F9" s="121"/>
      <c r="G9" s="122"/>
    </row>
    <row r="10" spans="1:13" s="17" customFormat="1" ht="28.35" customHeight="1" x14ac:dyDescent="0.25">
      <c r="A10" s="171" t="s">
        <v>33</v>
      </c>
      <c r="B10" s="171"/>
      <c r="C10" s="171"/>
      <c r="D10" s="171"/>
      <c r="E10" s="171"/>
      <c r="F10" s="171"/>
      <c r="G10" s="171"/>
    </row>
    <row r="11" spans="1:13" ht="30" customHeight="1" x14ac:dyDescent="0.25">
      <c r="A11" s="162" t="s">
        <v>0</v>
      </c>
      <c r="B11" s="162"/>
      <c r="C11" s="162"/>
      <c r="D11" s="162"/>
      <c r="E11" s="165" t="str">
        <f>IF('Príloha č. 1'!$C$6="","",'Príloha č. 1'!$C$6)</f>
        <v/>
      </c>
      <c r="F11" s="165"/>
    </row>
    <row r="12" spans="1:13" ht="15" customHeight="1" x14ac:dyDescent="0.25">
      <c r="A12" s="162" t="s">
        <v>1</v>
      </c>
      <c r="B12" s="162"/>
      <c r="C12" s="162"/>
      <c r="D12" s="162"/>
      <c r="E12" s="165" t="str">
        <f>IF('Príloha č. 1'!$C$7="","",'Príloha č. 1'!$C$7)</f>
        <v/>
      </c>
      <c r="F12" s="165"/>
    </row>
    <row r="13" spans="1:13" x14ac:dyDescent="0.25">
      <c r="A13" s="162" t="s">
        <v>2</v>
      </c>
      <c r="B13" s="162"/>
      <c r="C13" s="162"/>
      <c r="D13" s="162"/>
      <c r="E13" s="165" t="str">
        <f>IF('Príloha č. 1'!$C$8="","",'Príloha č. 1'!$C$8)</f>
        <v/>
      </c>
      <c r="F13" s="165"/>
    </row>
    <row r="14" spans="1:13" x14ac:dyDescent="0.25">
      <c r="A14" s="162" t="s">
        <v>3</v>
      </c>
      <c r="B14" s="162"/>
      <c r="C14" s="162"/>
      <c r="D14" s="162"/>
      <c r="E14" s="165" t="str">
        <f>IF('Príloha č. 1'!$C$9="","",'Príloha č. 1'!$C$9)</f>
        <v/>
      </c>
      <c r="F14" s="165"/>
    </row>
    <row r="15" spans="1:13" s="14" customFormat="1" ht="30" customHeight="1" x14ac:dyDescent="0.25">
      <c r="A15" s="163" t="s">
        <v>17</v>
      </c>
      <c r="B15" s="163"/>
      <c r="C15" s="163"/>
      <c r="D15" s="163"/>
      <c r="E15" s="163"/>
      <c r="F15" s="163"/>
      <c r="G15" s="163"/>
    </row>
    <row r="16" spans="1:13" s="7" customFormat="1" ht="15.75" customHeight="1" x14ac:dyDescent="0.25">
      <c r="A16" s="162" t="s">
        <v>4</v>
      </c>
      <c r="B16" s="162"/>
      <c r="C16" s="162"/>
      <c r="D16" s="162"/>
      <c r="E16" s="166" t="str">
        <f>IF('Príloha č. 1'!$C$12="","",'Príloha č. 1'!$C$12)</f>
        <v/>
      </c>
      <c r="F16" s="166"/>
      <c r="H16" s="4"/>
    </row>
    <row r="17" spans="1:8" s="7" customFormat="1" x14ac:dyDescent="0.25">
      <c r="A17" s="164" t="s">
        <v>18</v>
      </c>
      <c r="B17" s="164"/>
      <c r="C17" s="164"/>
      <c r="D17" s="164"/>
      <c r="E17" s="165" t="str">
        <f>IF('Príloha č. 1'!$C$13="","",'Príloha č. 1'!$C$13)</f>
        <v/>
      </c>
      <c r="F17" s="165"/>
      <c r="H17" s="14"/>
    </row>
    <row r="18" spans="1:8" s="7" customFormat="1" x14ac:dyDescent="0.25">
      <c r="A18" s="162" t="s">
        <v>5</v>
      </c>
      <c r="B18" s="162"/>
      <c r="C18" s="162"/>
      <c r="D18" s="162"/>
      <c r="E18" s="165" t="str">
        <f>IF('Príloha č. 1'!$C$14="","",'Príloha č. 1'!$C$14)</f>
        <v/>
      </c>
      <c r="F18" s="165"/>
      <c r="H18" s="14"/>
    </row>
    <row r="19" spans="1:8" s="7" customFormat="1" x14ac:dyDescent="0.25">
      <c r="A19" s="162" t="s">
        <v>6</v>
      </c>
      <c r="B19" s="162"/>
      <c r="C19" s="162"/>
      <c r="D19" s="162"/>
      <c r="E19" s="165" t="str">
        <f>IF('Príloha č. 1'!$C$15="","",'Príloha č. 1'!$C$15)</f>
        <v/>
      </c>
      <c r="F19" s="165"/>
      <c r="H19" s="14"/>
    </row>
    <row r="20" spans="1:8" s="4" customFormat="1" x14ac:dyDescent="0.25"/>
    <row r="21" spans="1:8" s="4" customFormat="1" ht="15" customHeight="1" x14ac:dyDescent="0.25">
      <c r="A21" s="4" t="s">
        <v>7</v>
      </c>
      <c r="B21" s="147" t="str">
        <f>IF('Príloha č. 1'!B24:C24="","",'Príloha č. 1'!B24:C24)</f>
        <v/>
      </c>
      <c r="C21" s="147"/>
      <c r="D21" s="147"/>
    </row>
    <row r="22" spans="1:8" s="4" customFormat="1" ht="15" customHeight="1" x14ac:dyDescent="0.25">
      <c r="A22" s="4" t="s">
        <v>8</v>
      </c>
      <c r="B22" s="167" t="str">
        <f>IF('Príloha č. 1'!B25:C25="","",'Príloha č. 1'!B25:C25)</f>
        <v/>
      </c>
      <c r="C22" s="167"/>
      <c r="D22" s="167"/>
      <c r="E22" s="115" t="s">
        <v>64</v>
      </c>
      <c r="G22" s="142"/>
    </row>
    <row r="23" spans="1:8" s="4" customFormat="1" x14ac:dyDescent="0.25">
      <c r="E23" s="115" t="s">
        <v>65</v>
      </c>
      <c r="F23" s="169" t="str">
        <f>IF('Príloha č. 1'!$D$29="","",'Príloha č. 1'!$D$29)</f>
        <v/>
      </c>
      <c r="G23" s="169"/>
    </row>
    <row r="24" spans="1:8" x14ac:dyDescent="0.25">
      <c r="F24" s="115"/>
    </row>
    <row r="25" spans="1:8" ht="9.75" customHeight="1" x14ac:dyDescent="0.25">
      <c r="F25" s="115"/>
    </row>
    <row r="26" spans="1:8" s="9" customFormat="1" ht="11.25" x14ac:dyDescent="0.2">
      <c r="A26" s="159" t="s">
        <v>10</v>
      </c>
      <c r="B26" s="159"/>
      <c r="C26" s="159"/>
      <c r="D26" s="159"/>
      <c r="E26" s="49"/>
    </row>
    <row r="27" spans="1:8" s="10" customFormat="1" ht="15" customHeight="1" x14ac:dyDescent="0.2">
      <c r="A27" s="13"/>
      <c r="B27" s="168" t="s">
        <v>12</v>
      </c>
      <c r="C27" s="168"/>
      <c r="D27" s="168"/>
      <c r="G27" s="11"/>
      <c r="H27" s="12"/>
    </row>
  </sheetData>
  <mergeCells count="31">
    <mergeCell ref="A1:D1"/>
    <mergeCell ref="A4:G4"/>
    <mergeCell ref="A11:D11"/>
    <mergeCell ref="E11:F11"/>
    <mergeCell ref="A3:F3"/>
    <mergeCell ref="A10:G10"/>
    <mergeCell ref="A2:G2"/>
    <mergeCell ref="A6:E7"/>
    <mergeCell ref="F6:G6"/>
    <mergeCell ref="A8:G8"/>
    <mergeCell ref="B9:E9"/>
    <mergeCell ref="A26:D26"/>
    <mergeCell ref="B21:D21"/>
    <mergeCell ref="B22:D22"/>
    <mergeCell ref="E18:F18"/>
    <mergeCell ref="B27:D27"/>
    <mergeCell ref="F23:G23"/>
    <mergeCell ref="A12:D12"/>
    <mergeCell ref="E12:F12"/>
    <mergeCell ref="A13:D13"/>
    <mergeCell ref="E13:F13"/>
    <mergeCell ref="A14:D14"/>
    <mergeCell ref="E14:F14"/>
    <mergeCell ref="A16:D16"/>
    <mergeCell ref="A15:G15"/>
    <mergeCell ref="A17:D17"/>
    <mergeCell ref="A18:D18"/>
    <mergeCell ref="A19:D19"/>
    <mergeCell ref="E19:F19"/>
    <mergeCell ref="E16:F16"/>
    <mergeCell ref="E17:F17"/>
  </mergeCells>
  <conditionalFormatting sqref="E11:F14">
    <cfRule type="containsBlanks" dxfId="23" priority="102">
      <formula>LEN(TRIM(E11))=0</formula>
    </cfRule>
  </conditionalFormatting>
  <conditionalFormatting sqref="E11:F14">
    <cfRule type="containsBlanks" dxfId="22" priority="96">
      <formula>LEN(TRIM(E11))=0</formula>
    </cfRule>
  </conditionalFormatting>
  <conditionalFormatting sqref="B21:D22">
    <cfRule type="containsBlanks" dxfId="21" priority="83">
      <formula>LEN(TRIM(B21))=0</formula>
    </cfRule>
  </conditionalFormatting>
  <conditionalFormatting sqref="E16:F16">
    <cfRule type="containsBlanks" dxfId="20" priority="81">
      <formula>LEN(TRIM(E16))=0</formula>
    </cfRule>
  </conditionalFormatting>
  <conditionalFormatting sqref="E17:F19">
    <cfRule type="containsBlanks" dxfId="19" priority="80">
      <formula>LEN(TRIM(E17))=0</formula>
    </cfRule>
  </conditionalFormatting>
  <conditionalFormatting sqref="E16:F19">
    <cfRule type="containsBlanks" dxfId="18" priority="79">
      <formula>LEN(TRIM(E16))=0</formula>
    </cfRule>
  </conditionalFormatting>
  <conditionalFormatting sqref="A27">
    <cfRule type="containsBlanks" dxfId="17" priority="63">
      <formula>LEN(TRIM(A27))=0</formula>
    </cfRule>
  </conditionalFormatting>
  <conditionalFormatting sqref="F23:G23">
    <cfRule type="containsBlanks" dxfId="16" priority="1">
      <formula>LEN(TRIM(F23))=0</formula>
    </cfRule>
  </conditionalFormatting>
  <conditionalFormatting sqref="F23:G23">
    <cfRule type="containsBlanks" dxfId="15" priority="2">
      <formula>LEN(TRIM(F2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tabSelected="1" zoomScaleNormal="100" workbookViewId="0">
      <selection activeCell="E14" sqref="E14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89" t="s">
        <v>11</v>
      </c>
      <c r="B1" s="189"/>
      <c r="C1" s="53"/>
      <c r="D1" s="53"/>
    </row>
    <row r="2" spans="1:14" ht="15" customHeight="1" x14ac:dyDescent="0.25">
      <c r="A2" s="190" t="str">
        <f>'Príloha č. 1'!A2:C2</f>
        <v>Aortálne kanyly nepoťahované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</row>
    <row r="3" spans="1:14" ht="15" customHeight="1" x14ac:dyDescent="0.25">
      <c r="A3" s="191"/>
      <c r="B3" s="191"/>
      <c r="C3" s="191"/>
      <c r="D3" s="191"/>
      <c r="E3" s="191"/>
      <c r="F3" s="54"/>
      <c r="G3" s="54"/>
      <c r="H3" s="54"/>
    </row>
    <row r="4" spans="1:14" s="31" customFormat="1" ht="60.75" customHeight="1" x14ac:dyDescent="0.25">
      <c r="A4" s="200" t="s">
        <v>59</v>
      </c>
      <c r="B4" s="200"/>
      <c r="C4" s="200"/>
      <c r="D4" s="200"/>
      <c r="E4" s="200"/>
      <c r="F4" s="200"/>
      <c r="G4" s="200"/>
      <c r="H4" s="200"/>
      <c r="I4" s="200"/>
      <c r="J4" s="200"/>
      <c r="K4" s="200"/>
      <c r="L4" s="200"/>
      <c r="M4" s="200"/>
      <c r="N4" s="200"/>
    </row>
    <row r="5" spans="1:14" s="19" customFormat="1" ht="31.5" customHeight="1" x14ac:dyDescent="0.25">
      <c r="A5" s="192" t="s">
        <v>20</v>
      </c>
      <c r="B5" s="196" t="s">
        <v>28</v>
      </c>
      <c r="C5" s="192" t="s">
        <v>29</v>
      </c>
      <c r="D5" s="194" t="s">
        <v>63</v>
      </c>
      <c r="E5" s="198" t="s">
        <v>21</v>
      </c>
      <c r="F5" s="198" t="s">
        <v>36</v>
      </c>
      <c r="G5" s="196" t="s">
        <v>35</v>
      </c>
      <c r="H5" s="196" t="s">
        <v>37</v>
      </c>
      <c r="I5" s="203" t="s">
        <v>60</v>
      </c>
      <c r="J5" s="204"/>
      <c r="K5" s="204"/>
      <c r="L5" s="205"/>
      <c r="M5" s="201" t="s">
        <v>61</v>
      </c>
      <c r="N5" s="202"/>
    </row>
    <row r="6" spans="1:14" s="19" customFormat="1" ht="45" customHeight="1" x14ac:dyDescent="0.25">
      <c r="A6" s="193"/>
      <c r="B6" s="197"/>
      <c r="C6" s="193"/>
      <c r="D6" s="195"/>
      <c r="E6" s="199"/>
      <c r="F6" s="199"/>
      <c r="G6" s="197"/>
      <c r="H6" s="197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8</v>
      </c>
      <c r="K7" s="22" t="s">
        <v>39</v>
      </c>
      <c r="L7" s="22" t="s">
        <v>40</v>
      </c>
      <c r="M7" s="22" t="s">
        <v>41</v>
      </c>
      <c r="N7" s="22" t="s">
        <v>42</v>
      </c>
    </row>
    <row r="8" spans="1:14" s="42" customFormat="1" ht="45" customHeight="1" thickBot="1" x14ac:dyDescent="0.3">
      <c r="A8" s="25" t="s">
        <v>13</v>
      </c>
      <c r="B8" s="45" t="s">
        <v>72</v>
      </c>
      <c r="C8" s="25" t="s">
        <v>70</v>
      </c>
      <c r="D8" s="44">
        <v>2187</v>
      </c>
      <c r="E8" s="26"/>
      <c r="F8" s="130"/>
      <c r="G8" s="130"/>
      <c r="H8" s="130"/>
      <c r="I8" s="128"/>
      <c r="J8" s="27"/>
      <c r="K8" s="126"/>
      <c r="L8" s="127"/>
      <c r="M8" s="128"/>
      <c r="N8" s="127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39"/>
      <c r="N9" s="129">
        <f>SUM(N8:N8)</f>
        <v>0</v>
      </c>
    </row>
    <row r="10" spans="1:14" s="31" customFormat="1" ht="30" customHeight="1" x14ac:dyDescent="0.25">
      <c r="A10" s="187" t="s">
        <v>0</v>
      </c>
      <c r="B10" s="187"/>
      <c r="C10" s="166" t="str">
        <f>IF('Príloha č. 1'!$C$6="","",'Príloha č. 1'!$C$6)</f>
        <v/>
      </c>
      <c r="D10" s="166"/>
    </row>
    <row r="11" spans="1:14" s="31" customFormat="1" ht="15" customHeight="1" x14ac:dyDescent="0.25">
      <c r="A11" s="184" t="s">
        <v>1</v>
      </c>
      <c r="B11" s="184"/>
      <c r="C11" s="166" t="str">
        <f>IF('Príloha č. 1'!$C$7="","",'Príloha č. 1'!$C$7)</f>
        <v/>
      </c>
      <c r="D11" s="166"/>
    </row>
    <row r="12" spans="1:14" s="31" customFormat="1" x14ac:dyDescent="0.25">
      <c r="A12" s="184" t="s">
        <v>2</v>
      </c>
      <c r="B12" s="184"/>
      <c r="C12" s="166" t="str">
        <f>IF('Príloha č. 1'!$C$8="","",'Príloha č. 1'!$C$8)</f>
        <v/>
      </c>
      <c r="D12" s="166"/>
    </row>
    <row r="13" spans="1:14" s="31" customFormat="1" x14ac:dyDescent="0.25">
      <c r="A13" s="184" t="s">
        <v>3</v>
      </c>
      <c r="B13" s="184"/>
      <c r="C13" s="166" t="str">
        <f>IF('Príloha č. 1'!$C$9="","",'Príloha č. 1'!$C$9)</f>
        <v/>
      </c>
      <c r="D13" s="166"/>
    </row>
    <row r="14" spans="1:14" x14ac:dyDescent="0.25">
      <c r="C14" s="50"/>
      <c r="D14" s="32"/>
      <c r="E14" s="32"/>
      <c r="F14" s="53"/>
      <c r="G14" s="53"/>
      <c r="H14" s="53"/>
    </row>
    <row r="15" spans="1:14" ht="15" customHeight="1" x14ac:dyDescent="0.25">
      <c r="A15" s="18" t="s">
        <v>7</v>
      </c>
      <c r="B15" s="110" t="str">
        <f>IF('Príloha č. 1'!B24:C24="","",'Príloha č. 1'!B24:C24)</f>
        <v/>
      </c>
      <c r="F15" s="53"/>
      <c r="G15" s="53"/>
      <c r="H15" s="53"/>
      <c r="L15" s="114"/>
    </row>
    <row r="16" spans="1:14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115" t="s">
        <v>64</v>
      </c>
      <c r="M16" s="112"/>
    </row>
    <row r="17" spans="1:14" x14ac:dyDescent="0.25">
      <c r="F17" s="53"/>
      <c r="G17" s="53"/>
      <c r="H17" s="53"/>
      <c r="K17" s="31"/>
      <c r="L17" s="115" t="s">
        <v>65</v>
      </c>
      <c r="M17" s="188" t="str">
        <f>IF('Príloha č. 1'!$D$29="","",'Príloha č. 1'!$D$29)</f>
        <v/>
      </c>
      <c r="N17" s="188"/>
    </row>
    <row r="18" spans="1:14" x14ac:dyDescent="0.25">
      <c r="F18" s="109"/>
      <c r="G18" s="109"/>
      <c r="H18" s="109"/>
      <c r="K18" s="31"/>
      <c r="L18" s="115"/>
      <c r="M18" s="34"/>
      <c r="N18" s="34"/>
    </row>
    <row r="19" spans="1:14" s="32" customFormat="1" x14ac:dyDescent="0.25">
      <c r="A19" s="185" t="s">
        <v>10</v>
      </c>
      <c r="B19" s="185"/>
      <c r="C19" s="50"/>
      <c r="K19" s="18"/>
      <c r="L19" s="18"/>
      <c r="N19" s="18"/>
    </row>
    <row r="20" spans="1:14" s="34" customFormat="1" ht="15" customHeight="1" x14ac:dyDescent="0.25">
      <c r="A20" s="33"/>
      <c r="B20" s="186" t="s">
        <v>12</v>
      </c>
      <c r="C20" s="186"/>
      <c r="D20" s="186"/>
      <c r="E20" s="186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2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184" t="s">
        <v>48</v>
      </c>
      <c r="B23" s="184"/>
      <c r="C23" s="184"/>
      <c r="D23" s="184"/>
      <c r="E23" s="184"/>
      <c r="F23" s="184"/>
      <c r="G23" s="184"/>
      <c r="H23" s="184"/>
      <c r="I23" s="184"/>
      <c r="J23" s="184"/>
      <c r="K23" s="184"/>
      <c r="L23" s="184"/>
      <c r="M23" s="184"/>
      <c r="N23" s="184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14" priority="12">
      <formula>LEN(TRIM(B15))=0</formula>
    </cfRule>
  </conditionalFormatting>
  <conditionalFormatting sqref="C10:D13">
    <cfRule type="containsBlanks" dxfId="13" priority="4">
      <formula>LEN(TRIM(C10))=0</formula>
    </cfRule>
  </conditionalFormatting>
  <conditionalFormatting sqref="M17:N17">
    <cfRule type="containsBlanks" dxfId="12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6"/>
  <sheetViews>
    <sheetView showGridLines="0" zoomScaleNormal="100" workbookViewId="0">
      <selection activeCell="M11" sqref="M11"/>
    </sheetView>
  </sheetViews>
  <sheetFormatPr defaultRowHeight="15" x14ac:dyDescent="0.25"/>
  <cols>
    <col min="1" max="1" width="8.42578125" style="1" customWidth="1"/>
    <col min="2" max="3" width="25.7109375" style="1" customWidth="1"/>
    <col min="4" max="7" width="12.7109375" style="1" customWidth="1"/>
    <col min="8" max="8" width="13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0"/>
    <col min="72" max="16384" width="9.140625" style="1"/>
  </cols>
  <sheetData>
    <row r="1" spans="1:71" s="72" customFormat="1" ht="15" customHeight="1" x14ac:dyDescent="0.25">
      <c r="A1" s="189" t="s">
        <v>11</v>
      </c>
      <c r="B1" s="189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190" t="str">
        <f>'Príloha č. 1'!A2:D2</f>
        <v>Aortálne kanyly nepoťahované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6.75" customHeight="1" x14ac:dyDescent="0.25">
      <c r="A3" s="191"/>
      <c r="B3" s="191"/>
      <c r="C3" s="191"/>
      <c r="D3" s="191"/>
      <c r="E3" s="191"/>
      <c r="F3" s="69"/>
      <c r="G3" s="69"/>
      <c r="H3" s="69"/>
    </row>
    <row r="4" spans="1:71" s="76" customFormat="1" ht="21" customHeight="1" x14ac:dyDescent="0.25">
      <c r="A4" s="225" t="s">
        <v>45</v>
      </c>
      <c r="B4" s="225"/>
      <c r="C4" s="225"/>
      <c r="D4" s="225"/>
      <c r="E4" s="225"/>
      <c r="F4" s="225"/>
      <c r="G4" s="225"/>
      <c r="H4" s="225"/>
      <c r="I4" s="225"/>
      <c r="J4" s="225"/>
      <c r="K4" s="225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15" customHeight="1" thickBot="1" x14ac:dyDescent="0.3">
      <c r="A5" s="226" t="s">
        <v>75</v>
      </c>
      <c r="B5" s="226"/>
      <c r="C5" s="226"/>
      <c r="D5" s="226"/>
      <c r="E5" s="226"/>
      <c r="F5" s="226"/>
      <c r="G5" s="226"/>
      <c r="H5" s="226"/>
      <c r="I5" s="226"/>
      <c r="J5" s="226"/>
      <c r="K5" s="226"/>
    </row>
    <row r="6" spans="1:71" s="101" customFormat="1" ht="15" customHeight="1" x14ac:dyDescent="0.25">
      <c r="A6" s="227" t="s">
        <v>20</v>
      </c>
      <c r="B6" s="215" t="s">
        <v>51</v>
      </c>
      <c r="C6" s="217" t="s">
        <v>52</v>
      </c>
      <c r="D6" s="219" t="s">
        <v>36</v>
      </c>
      <c r="E6" s="221" t="s">
        <v>53</v>
      </c>
      <c r="F6" s="223" t="s">
        <v>54</v>
      </c>
      <c r="G6" s="229" t="s">
        <v>55</v>
      </c>
      <c r="H6" s="210" t="s">
        <v>56</v>
      </c>
      <c r="I6" s="212" t="s">
        <v>57</v>
      </c>
      <c r="J6" s="213"/>
      <c r="K6" s="214"/>
      <c r="L6" s="206" t="s">
        <v>76</v>
      </c>
    </row>
    <row r="7" spans="1:71" s="101" customFormat="1" ht="65.099999999999994" customHeight="1" x14ac:dyDescent="0.25">
      <c r="A7" s="228"/>
      <c r="B7" s="216"/>
      <c r="C7" s="218"/>
      <c r="D7" s="220"/>
      <c r="E7" s="222"/>
      <c r="F7" s="224"/>
      <c r="G7" s="230"/>
      <c r="H7" s="211"/>
      <c r="I7" s="111" t="s">
        <v>30</v>
      </c>
      <c r="J7" s="102" t="s">
        <v>58</v>
      </c>
      <c r="K7" s="103" t="s">
        <v>31</v>
      </c>
      <c r="L7" s="207"/>
    </row>
    <row r="8" spans="1:71" s="85" customFormat="1" ht="12" customHeight="1" x14ac:dyDescent="0.25">
      <c r="A8" s="123" t="s">
        <v>13</v>
      </c>
      <c r="B8" s="124" t="s">
        <v>14</v>
      </c>
      <c r="C8" s="124" t="s">
        <v>15</v>
      </c>
      <c r="D8" s="104" t="s">
        <v>16</v>
      </c>
      <c r="E8" s="125" t="s">
        <v>23</v>
      </c>
      <c r="F8" s="104" t="s">
        <v>24</v>
      </c>
      <c r="G8" s="125" t="s">
        <v>25</v>
      </c>
      <c r="H8" s="107" t="s">
        <v>26</v>
      </c>
      <c r="I8" s="104" t="s">
        <v>27</v>
      </c>
      <c r="J8" s="105" t="s">
        <v>38</v>
      </c>
      <c r="K8" s="106" t="s">
        <v>39</v>
      </c>
      <c r="L8" s="144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08" t="s">
        <v>70</v>
      </c>
      <c r="I9" s="141"/>
      <c r="J9" s="136"/>
      <c r="K9" s="133"/>
      <c r="L9" s="145"/>
    </row>
    <row r="10" spans="1:71" s="85" customFormat="1" ht="25.5" customHeight="1" x14ac:dyDescent="0.25">
      <c r="A10" s="86"/>
      <c r="B10" s="87"/>
      <c r="C10" s="88"/>
      <c r="D10" s="89"/>
      <c r="E10" s="90"/>
      <c r="F10" s="91"/>
      <c r="G10" s="92"/>
      <c r="H10" s="108" t="s">
        <v>70</v>
      </c>
      <c r="I10" s="131"/>
      <c r="J10" s="137"/>
      <c r="K10" s="134"/>
      <c r="L10" s="145"/>
    </row>
    <row r="11" spans="1:71" s="85" customFormat="1" ht="25.5" customHeight="1" x14ac:dyDescent="0.25">
      <c r="A11" s="86"/>
      <c r="B11" s="87"/>
      <c r="C11" s="88"/>
      <c r="D11" s="89"/>
      <c r="E11" s="90"/>
      <c r="F11" s="91"/>
      <c r="G11" s="92"/>
      <c r="H11" s="108" t="s">
        <v>70</v>
      </c>
      <c r="I11" s="131"/>
      <c r="J11" s="137"/>
      <c r="K11" s="134"/>
      <c r="L11" s="145"/>
    </row>
    <row r="12" spans="1:71" s="85" customFormat="1" ht="25.5" customHeight="1" x14ac:dyDescent="0.25">
      <c r="A12" s="86"/>
      <c r="B12" s="87"/>
      <c r="C12" s="88"/>
      <c r="D12" s="89"/>
      <c r="E12" s="90"/>
      <c r="F12" s="91"/>
      <c r="G12" s="92"/>
      <c r="H12" s="108" t="s">
        <v>70</v>
      </c>
      <c r="I12" s="131"/>
      <c r="J12" s="137"/>
      <c r="K12" s="134"/>
      <c r="L12" s="145"/>
    </row>
    <row r="13" spans="1:71" s="85" customFormat="1" ht="24.95" customHeight="1" x14ac:dyDescent="0.25">
      <c r="A13" s="78"/>
      <c r="B13" s="79"/>
      <c r="C13" s="80"/>
      <c r="D13" s="81"/>
      <c r="E13" s="82"/>
      <c r="F13" s="83"/>
      <c r="G13" s="84"/>
      <c r="H13" s="108" t="s">
        <v>70</v>
      </c>
      <c r="I13" s="141"/>
      <c r="J13" s="136"/>
      <c r="K13" s="133"/>
      <c r="L13" s="145"/>
    </row>
    <row r="14" spans="1:71" s="85" customFormat="1" ht="24.95" customHeight="1" x14ac:dyDescent="0.25">
      <c r="A14" s="86"/>
      <c r="B14" s="87"/>
      <c r="C14" s="88"/>
      <c r="D14" s="89"/>
      <c r="E14" s="90"/>
      <c r="F14" s="91"/>
      <c r="G14" s="92"/>
      <c r="H14" s="108" t="s">
        <v>70</v>
      </c>
      <c r="I14" s="131"/>
      <c r="J14" s="137"/>
      <c r="K14" s="134"/>
      <c r="L14" s="145"/>
    </row>
    <row r="15" spans="1:71" s="85" customFormat="1" ht="24.95" customHeight="1" x14ac:dyDescent="0.25">
      <c r="A15" s="78"/>
      <c r="B15" s="79"/>
      <c r="C15" s="80"/>
      <c r="D15" s="81"/>
      <c r="E15" s="82"/>
      <c r="F15" s="83"/>
      <c r="G15" s="84"/>
      <c r="H15" s="108" t="s">
        <v>70</v>
      </c>
      <c r="I15" s="141"/>
      <c r="J15" s="136"/>
      <c r="K15" s="133"/>
      <c r="L15" s="145"/>
    </row>
    <row r="16" spans="1:71" s="85" customFormat="1" ht="24.95" customHeight="1" thickBot="1" x14ac:dyDescent="0.3">
      <c r="A16" s="93"/>
      <c r="B16" s="94"/>
      <c r="C16" s="95"/>
      <c r="D16" s="96"/>
      <c r="E16" s="97"/>
      <c r="F16" s="98"/>
      <c r="G16" s="99"/>
      <c r="H16" s="143" t="s">
        <v>70</v>
      </c>
      <c r="I16" s="132"/>
      <c r="J16" s="138"/>
      <c r="K16" s="135"/>
      <c r="L16" s="146"/>
    </row>
    <row r="17" spans="1:11" s="85" customFormat="1" ht="36" customHeight="1" x14ac:dyDescent="0.25">
      <c r="A17" s="209" t="s">
        <v>71</v>
      </c>
      <c r="B17" s="209"/>
      <c r="C17" s="209"/>
      <c r="D17" s="209"/>
      <c r="E17" s="209"/>
      <c r="F17" s="209"/>
      <c r="G17" s="209"/>
      <c r="H17" s="209"/>
      <c r="I17" s="209"/>
      <c r="J17" s="209"/>
      <c r="K17" s="209"/>
    </row>
    <row r="19" spans="1:11" s="18" customFormat="1" ht="15" customHeight="1" x14ac:dyDescent="0.25">
      <c r="A19" s="18" t="s">
        <v>7</v>
      </c>
      <c r="B19" s="208" t="str">
        <f>IF('Príloha č. 1'!B24:C24="","",'Príloha č. 1'!B24:C24)</f>
        <v/>
      </c>
      <c r="C19" s="208"/>
    </row>
    <row r="20" spans="1:11" s="18" customFormat="1" ht="15" customHeight="1" x14ac:dyDescent="0.25">
      <c r="A20" s="18" t="s">
        <v>8</v>
      </c>
      <c r="B20" s="231" t="str">
        <f>IF('Príloha č. 1'!B25:C25="","",'Príloha č. 1'!B25:C25)</f>
        <v/>
      </c>
      <c r="C20" s="231"/>
    </row>
    <row r="21" spans="1:11" s="18" customFormat="1" x14ac:dyDescent="0.25">
      <c r="G21" s="113"/>
      <c r="H21" s="120" t="s">
        <v>64</v>
      </c>
      <c r="I21" s="112"/>
      <c r="J21" s="113"/>
    </row>
    <row r="22" spans="1:11" s="18" customFormat="1" ht="15" customHeight="1" x14ac:dyDescent="0.25">
      <c r="G22" s="19"/>
      <c r="H22" s="120" t="s">
        <v>65</v>
      </c>
      <c r="I22" s="188" t="str">
        <f>IF('Príloha č. 1'!$D$29="","",'Príloha č. 1'!$D$29)</f>
        <v/>
      </c>
      <c r="J22" s="188"/>
    </row>
    <row r="23" spans="1:11" s="18" customFormat="1" ht="16.5" customHeight="1" x14ac:dyDescent="0.25">
      <c r="G23" s="70"/>
      <c r="H23" s="70"/>
    </row>
    <row r="24" spans="1:11" s="32" customFormat="1" x14ac:dyDescent="0.25">
      <c r="A24" s="185" t="s">
        <v>10</v>
      </c>
      <c r="B24" s="185"/>
      <c r="E24" s="18"/>
    </row>
    <row r="25" spans="1:11" s="34" customFormat="1" ht="15" customHeight="1" x14ac:dyDescent="0.25">
      <c r="A25" s="33"/>
      <c r="B25" s="186" t="s">
        <v>12</v>
      </c>
      <c r="C25" s="186"/>
      <c r="D25" s="63"/>
      <c r="E25" s="18"/>
    </row>
    <row r="26" spans="1:11" ht="41.25" customHeight="1" x14ac:dyDescent="0.25"/>
  </sheetData>
  <mergeCells count="21">
    <mergeCell ref="A24:B24"/>
    <mergeCell ref="B25:C25"/>
    <mergeCell ref="A1:B1"/>
    <mergeCell ref="A2:L2"/>
    <mergeCell ref="A3:E3"/>
    <mergeCell ref="A4:K4"/>
    <mergeCell ref="A5:K5"/>
    <mergeCell ref="L6:L7"/>
    <mergeCell ref="I22:J22"/>
    <mergeCell ref="B19:C19"/>
    <mergeCell ref="A17:K17"/>
    <mergeCell ref="H6:H7"/>
    <mergeCell ref="I6:K6"/>
    <mergeCell ref="B6:B7"/>
    <mergeCell ref="C6:C7"/>
    <mergeCell ref="D6:D7"/>
    <mergeCell ref="E6:E7"/>
    <mergeCell ref="F6:F7"/>
    <mergeCell ref="A6:A7"/>
    <mergeCell ref="G6:G7"/>
    <mergeCell ref="B20:C20"/>
  </mergeCells>
  <conditionalFormatting sqref="B19:C20">
    <cfRule type="containsBlanks" dxfId="11" priority="2">
      <formula>LEN(TRIM(B19))=0</formula>
    </cfRule>
  </conditionalFormatting>
  <conditionalFormatting sqref="I22:J22">
    <cfRule type="containsBlanks" dxfId="10" priority="1">
      <formula>LEN(TRIM(I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52" fitToHeight="0" orientation="portrait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9:C2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9" t="s">
        <v>11</v>
      </c>
      <c r="B1" s="189"/>
    </row>
    <row r="2" spans="1:12" ht="15" customHeight="1" x14ac:dyDescent="0.25">
      <c r="A2" s="190" t="str">
        <f>'Príloha č. 1'!A2:D2</f>
        <v>Aortálne kanyly nepoťahované</v>
      </c>
      <c r="B2" s="190"/>
      <c r="C2" s="190"/>
      <c r="D2" s="190"/>
      <c r="E2" s="190"/>
      <c r="F2" s="190"/>
      <c r="G2" s="190"/>
      <c r="H2" s="190"/>
      <c r="I2" s="190"/>
      <c r="J2" s="190"/>
      <c r="K2" s="190"/>
      <c r="L2" s="190"/>
    </row>
    <row r="3" spans="1:12" ht="15" customHeight="1" x14ac:dyDescent="0.25">
      <c r="A3" s="191"/>
      <c r="B3" s="191"/>
      <c r="C3" s="191"/>
      <c r="D3" s="191"/>
      <c r="E3" s="191"/>
      <c r="F3" s="64"/>
      <c r="G3" s="64"/>
      <c r="H3" s="64"/>
    </row>
    <row r="4" spans="1:12" s="31" customFormat="1" ht="45.75" customHeight="1" x14ac:dyDescent="0.25">
      <c r="A4" s="232" t="s">
        <v>43</v>
      </c>
      <c r="B4" s="232"/>
      <c r="C4" s="232"/>
      <c r="D4" s="232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87" t="s">
        <v>0</v>
      </c>
      <c r="B6" s="187"/>
      <c r="C6" s="233" t="str">
        <f>IF('Príloha č. 1'!$C$6="","",'Príloha č. 1'!$C$6)</f>
        <v/>
      </c>
      <c r="D6" s="233"/>
      <c r="J6" s="61"/>
    </row>
    <row r="7" spans="1:12" s="31" customFormat="1" ht="15" customHeight="1" x14ac:dyDescent="0.25">
      <c r="A7" s="184" t="s">
        <v>1</v>
      </c>
      <c r="B7" s="184"/>
      <c r="C7" s="233" t="str">
        <f>IF('Príloha č. 1'!$C$7="","",'Príloha č. 1'!$C$7)</f>
        <v/>
      </c>
      <c r="D7" s="233"/>
    </row>
    <row r="8" spans="1:12" s="31" customFormat="1" x14ac:dyDescent="0.25">
      <c r="A8" s="184" t="s">
        <v>2</v>
      </c>
      <c r="B8" s="184"/>
      <c r="C8" s="233" t="str">
        <f>IF('Príloha č. 1'!$C$8="","",'Príloha č. 1'!$C$8)</f>
        <v/>
      </c>
      <c r="D8" s="233"/>
    </row>
    <row r="9" spans="1:12" s="31" customFormat="1" x14ac:dyDescent="0.25">
      <c r="A9" s="184" t="s">
        <v>3</v>
      </c>
      <c r="B9" s="184"/>
      <c r="C9" s="233" t="str">
        <f>IF('Príloha č. 1'!$C$9="","",'Príloha č. 1'!$C$9)</f>
        <v/>
      </c>
      <c r="D9" s="233"/>
    </row>
    <row r="10" spans="1:12" x14ac:dyDescent="0.25">
      <c r="C10" s="58"/>
    </row>
    <row r="11" spans="1:12" ht="37.5" customHeight="1" x14ac:dyDescent="0.25">
      <c r="A11" s="209" t="s">
        <v>44</v>
      </c>
      <c r="B11" s="209"/>
      <c r="C11" s="209"/>
      <c r="D11" s="209"/>
    </row>
    <row r="12" spans="1:12" x14ac:dyDescent="0.25">
      <c r="C12" s="58"/>
    </row>
    <row r="14" spans="1:12" ht="15" customHeight="1" x14ac:dyDescent="0.25">
      <c r="A14" s="18" t="s">
        <v>7</v>
      </c>
      <c r="B14" s="208" t="str">
        <f>IF('Príloha č. 1'!B24:C24="","",'Príloha č. 1'!B24:C24)</f>
        <v/>
      </c>
      <c r="C14" s="208"/>
    </row>
    <row r="15" spans="1:12" ht="15" customHeight="1" x14ac:dyDescent="0.25">
      <c r="A15" s="18" t="s">
        <v>8</v>
      </c>
      <c r="B15" s="231" t="str">
        <f>IF('Príloha č. 1'!B25:C25="","",'Príloha č. 1'!B25:C25)</f>
        <v/>
      </c>
      <c r="C15" s="231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63"/>
    </row>
    <row r="21" spans="1:12" s="32" customFormat="1" x14ac:dyDescent="0.25">
      <c r="A21" s="185" t="s">
        <v>10</v>
      </c>
      <c r="B21" s="185"/>
      <c r="E21" s="18"/>
    </row>
    <row r="22" spans="1:12" s="34" customFormat="1" ht="15" customHeight="1" x14ac:dyDescent="0.25">
      <c r="A22" s="33"/>
      <c r="B22" s="186" t="s">
        <v>12</v>
      </c>
      <c r="C22" s="186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89" t="s">
        <v>11</v>
      </c>
      <c r="B1" s="189"/>
    </row>
    <row r="2" spans="1:12" ht="15" customHeight="1" x14ac:dyDescent="0.25">
      <c r="A2" s="234" t="str">
        <f>'Príloha č. 1'!A2:D2</f>
        <v>Aortálne kanyly nepoťahované</v>
      </c>
      <c r="B2" s="234"/>
      <c r="C2" s="234"/>
      <c r="D2" s="234"/>
      <c r="E2" s="234"/>
      <c r="F2" s="234"/>
      <c r="G2" s="234"/>
      <c r="H2" s="234"/>
      <c r="I2" s="234"/>
      <c r="J2" s="234"/>
      <c r="K2" s="234"/>
      <c r="L2" s="234"/>
    </row>
    <row r="3" spans="1:12" ht="15" customHeight="1" x14ac:dyDescent="0.25">
      <c r="A3" s="191"/>
      <c r="B3" s="191"/>
      <c r="C3" s="191"/>
      <c r="D3" s="191"/>
      <c r="E3" s="191"/>
      <c r="F3" s="66"/>
      <c r="G3" s="66"/>
      <c r="H3" s="66"/>
    </row>
    <row r="4" spans="1:12" s="31" customFormat="1" ht="55.5" customHeight="1" x14ac:dyDescent="0.25">
      <c r="A4" s="232" t="s">
        <v>49</v>
      </c>
      <c r="B4" s="232"/>
      <c r="C4" s="232"/>
      <c r="D4" s="232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87" t="s">
        <v>0</v>
      </c>
      <c r="B6" s="187"/>
      <c r="C6" s="233" t="str">
        <f xml:space="preserve"> IF('Príloha č. 1'!$C$6="","",'Príloha č. 1'!$C$6)</f>
        <v/>
      </c>
      <c r="D6" s="233"/>
      <c r="J6" s="61"/>
    </row>
    <row r="7" spans="1:12" s="31" customFormat="1" ht="15" customHeight="1" x14ac:dyDescent="0.25">
      <c r="A7" s="184" t="s">
        <v>1</v>
      </c>
      <c r="B7" s="184"/>
      <c r="C7" s="233" t="str">
        <f xml:space="preserve"> IF('Príloha č. 1'!$C$7="","",'Príloha č. 1'!$C$7)</f>
        <v/>
      </c>
      <c r="D7" s="233"/>
    </row>
    <row r="8" spans="1:12" s="31" customFormat="1" x14ac:dyDescent="0.25">
      <c r="A8" s="184" t="s">
        <v>2</v>
      </c>
      <c r="B8" s="184"/>
      <c r="C8" s="233" t="str">
        <f xml:space="preserve"> IF('Príloha č. 1'!$C$8="","",'Príloha č. 1'!$C$8)</f>
        <v/>
      </c>
      <c r="D8" s="233"/>
    </row>
    <row r="9" spans="1:12" s="31" customFormat="1" x14ac:dyDescent="0.25">
      <c r="A9" s="184" t="s">
        <v>3</v>
      </c>
      <c r="B9" s="184"/>
      <c r="C9" s="233" t="str">
        <f xml:space="preserve"> IF('Príloha č. 1'!$C$9="","",'Príloha č. 1'!$C$9)</f>
        <v/>
      </c>
      <c r="D9" s="233"/>
    </row>
    <row r="10" spans="1:12" x14ac:dyDescent="0.25">
      <c r="C10" s="65"/>
    </row>
    <row r="11" spans="1:12" ht="48" customHeight="1" x14ac:dyDescent="0.25">
      <c r="A11" s="209" t="s">
        <v>50</v>
      </c>
      <c r="B11" s="209"/>
      <c r="C11" s="209"/>
      <c r="D11" s="209"/>
    </row>
    <row r="12" spans="1:12" x14ac:dyDescent="0.25">
      <c r="C12" s="65"/>
    </row>
    <row r="14" spans="1:12" ht="15" customHeight="1" x14ac:dyDescent="0.25">
      <c r="A14" s="18" t="s">
        <v>7</v>
      </c>
      <c r="B14" s="208" t="str">
        <f>IF('Príloha č. 1'!B24:C24="","",'Príloha č. 1'!B24:C24)</f>
        <v/>
      </c>
      <c r="C14" s="208"/>
    </row>
    <row r="15" spans="1:12" ht="15" customHeight="1" x14ac:dyDescent="0.25">
      <c r="A15" s="18" t="s">
        <v>8</v>
      </c>
      <c r="B15" s="231" t="str">
        <f>IF('Príloha č. 1'!B25:C25="","",'Príloha č. 1'!B25:C25)</f>
        <v/>
      </c>
      <c r="C15" s="231"/>
    </row>
    <row r="18" spans="1:12" x14ac:dyDescent="0.25">
      <c r="C18" s="115" t="s">
        <v>64</v>
      </c>
      <c r="D18" s="3"/>
      <c r="K18" s="62"/>
      <c r="L18" s="62"/>
    </row>
    <row r="19" spans="1:12" x14ac:dyDescent="0.25">
      <c r="C19" s="115" t="s">
        <v>65</v>
      </c>
      <c r="D19" s="119" t="str">
        <f>IF('Príloha č. 1'!$D$29="","",'Príloha č. 1'!$D$29)</f>
        <v/>
      </c>
    </row>
    <row r="20" spans="1:12" x14ac:dyDescent="0.25">
      <c r="C20" s="115"/>
      <c r="D20" s="32"/>
    </row>
    <row r="21" spans="1:12" s="32" customFormat="1" x14ac:dyDescent="0.25">
      <c r="A21" s="185" t="s">
        <v>10</v>
      </c>
      <c r="B21" s="185"/>
      <c r="E21" s="18"/>
    </row>
    <row r="22" spans="1:12" s="34" customFormat="1" ht="15" customHeight="1" x14ac:dyDescent="0.25">
      <c r="A22" s="33"/>
      <c r="B22" s="186" t="s">
        <v>12</v>
      </c>
      <c r="C22" s="186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4-26T11:06:22Z</cp:lastPrinted>
  <dcterms:created xsi:type="dcterms:W3CDTF">2014-08-04T05:30:35Z</dcterms:created>
  <dcterms:modified xsi:type="dcterms:W3CDTF">2019-07-30T07:39:39Z</dcterms:modified>
</cp:coreProperties>
</file>